
<file path=[Content_Types].xml><?xml version="1.0" encoding="utf-8"?>
<Types xmlns="http://schemas.openxmlformats.org/package/2006/content-types">
  <Default Extension="png" ContentType="image/png"/>
  <Default Extension="mov" ContentType="video/quicktime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comments/comment1.xml" ContentType="application/vnd.openxmlformats-officedocument.presentationml.comment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comments/comment2.xml" ContentType="application/vnd.openxmlformats-officedocument.presentationml.comment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comments/comment3.xml" ContentType="application/vnd.openxmlformats-officedocument.presentationml.comments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comments/comment4.xml" ContentType="application/vnd.openxmlformats-officedocument.presentationml.comments+xml"/>
  <Override PartName="/ppt/notesSlides/notesSlide12.xml" ContentType="application/vnd.openxmlformats-officedocument.presentationml.notesSlide+xml"/>
  <Override PartName="/ppt/comments/comment5.xml" ContentType="application/vnd.openxmlformats-officedocument.presentationml.comments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59" r:id="rId1"/>
  </p:sldMasterIdLst>
  <p:notesMasterIdLst>
    <p:notesMasterId r:id="rId17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</p:sldIdLst>
  <p:sldSz cx="12192000" cy="6858000"/>
  <p:notesSz cx="6858000" cy="9144000"/>
  <p:embeddedFontLst>
    <p:embeddedFont>
      <p:font typeface="Calibri" panose="020F0502020204030204" pitchFamily="34" charset="0"/>
      <p:regular r:id="rId18"/>
      <p:bold r:id="rId19"/>
      <p:italic r:id="rId20"/>
      <p:boldItalic r:id="rId21"/>
    </p:embeddedFont>
    <p:embeddedFont>
      <p:font typeface="Proxima Nova Semibold" panose="020B0604020202020204" charset="0"/>
      <p:regular r:id="rId22"/>
      <p:bold r:id="rId23"/>
      <p:boldItalic r:id="rId24"/>
    </p:embeddedFont>
    <p:embeddedFont>
      <p:font typeface="Proxima Nova" panose="020B0604020202020204" charset="0"/>
      <p:regular r:id="rId25"/>
      <p:bold r:id="rId26"/>
      <p:italic r:id="rId27"/>
      <p:boldItalic r:id="rId28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Oleg Anikin" initials="OA" lastIdx="6" clrIdx="0">
    <p:extLst>
      <p:ext uri="{19B8F6BF-5375-455C-9EA6-DF929625EA0E}">
        <p15:presenceInfo xmlns:p15="http://schemas.microsoft.com/office/powerpoint/2012/main" userId="Oleg Anikin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68561" autoAdjust="0"/>
  </p:normalViewPr>
  <p:slideViewPr>
    <p:cSldViewPr snapToGrid="0">
      <p:cViewPr varScale="1">
        <p:scale>
          <a:sx n="79" d="100"/>
          <a:sy n="79" d="100"/>
        </p:scale>
        <p:origin x="1098" y="8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font" Target="fonts/font1.fntdata"/><Relationship Id="rId26" Type="http://schemas.openxmlformats.org/officeDocument/2006/relationships/font" Target="fonts/font9.fntdata"/><Relationship Id="rId3" Type="http://schemas.openxmlformats.org/officeDocument/2006/relationships/slide" Target="slides/slide2.xml"/><Relationship Id="rId21" Type="http://schemas.openxmlformats.org/officeDocument/2006/relationships/font" Target="fonts/font4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5" Type="http://schemas.openxmlformats.org/officeDocument/2006/relationships/font" Target="fonts/font8.fntdata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font" Target="fonts/font3.fntdata"/><Relationship Id="rId29" Type="http://schemas.openxmlformats.org/officeDocument/2006/relationships/commentAuthors" Target="commentAuthor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7.fntdata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6.fntdata"/><Relationship Id="rId28" Type="http://schemas.openxmlformats.org/officeDocument/2006/relationships/font" Target="fonts/font11.fntdata"/><Relationship Id="rId10" Type="http://schemas.openxmlformats.org/officeDocument/2006/relationships/slide" Target="slides/slide9.xml"/><Relationship Id="rId19" Type="http://schemas.openxmlformats.org/officeDocument/2006/relationships/font" Target="fonts/font2.fntdata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font" Target="fonts/font5.fntdata"/><Relationship Id="rId27" Type="http://schemas.openxmlformats.org/officeDocument/2006/relationships/font" Target="fonts/font10.fntdata"/><Relationship Id="rId30" Type="http://schemas.openxmlformats.org/officeDocument/2006/relationships/presProps" Target="presProps.xml"/><Relationship Id="rId8" Type="http://schemas.openxmlformats.org/officeDocument/2006/relationships/slide" Target="slides/slide7.xml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04:46.219" idx="1">
    <p:pos x="6052" y="2573"/>
    <p:text>убрать ручных тестировщиков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2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1:08.349" idx="2">
    <p:pos x="6680" y="1258"/>
    <p:text>русифицировать, перерисовать, увеличить шрифт</p:text>
    <p:extLst>
      <p:ext uri="{C676402C-5697-4E1C-873F-D02D1690AC5C}">
        <p15:threadingInfo xmlns:p15="http://schemas.microsoft.com/office/powerpoint/2012/main" timeZoneBias="-180"/>
      </p:ext>
    </p:extLst>
  </p:cm>
  <p:cm authorId="1" dt="2018-06-11T12:12:05.112" idx="3">
    <p:pos x="10" y="10"/>
    <p:text>соединить с селениумом, рассказать про браузеры и приложениея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3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8:02.380" idx="4">
    <p:pos x="10" y="10"/>
    <p:text>Рассказать про каждый без воды.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4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9:12.071" idx="5">
    <p:pos x="10" y="10"/>
    <p:text>объяснить, какие тесты проходятт. Что задумано, счто ожитдается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5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23:46.496" idx="6">
    <p:pos x="10" y="10"/>
    <p:text>подписи к элементам, названия тестов русифицировать</p:text>
    <p:extLst>
      <p:ext uri="{C676402C-5697-4E1C-873F-D02D1690AC5C}">
        <p15:threadingInfo xmlns:p15="http://schemas.microsoft.com/office/powerpoint/2012/main" timeZoneBias="-180"/>
      </p:ext>
    </p:extLst>
  </p:cm>
</p:cmLst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hape 3"/>
          <p:cNvSpPr txBox="1">
            <a:spLocks noGrp="1"/>
          </p:cNvSpPr>
          <p:nvPr>
            <p:ph type="hdr" idx="2"/>
          </p:nvPr>
        </p:nvSpPr>
        <p:spPr>
          <a:xfrm>
            <a:off x="0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" name="Shape 4"/>
          <p:cNvSpPr txBox="1">
            <a:spLocks noGrp="1"/>
          </p:cNvSpPr>
          <p:nvPr>
            <p:ph type="dt" idx="10"/>
          </p:nvPr>
        </p:nvSpPr>
        <p:spPr>
          <a:xfrm>
            <a:off x="3884613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" name="Shape 5"/>
          <p:cNvSpPr>
            <a:spLocks noGrp="1" noRot="1" noChangeAspect="1"/>
          </p:cNvSpPr>
          <p:nvPr>
            <p:ph type="sldImg" idx="3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6" name="Shape 6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" name="Shape 7"/>
          <p:cNvSpPr txBox="1">
            <a:spLocks noGrp="1"/>
          </p:cNvSpPr>
          <p:nvPr>
            <p:ph type="ftr" idx="11"/>
          </p:nvPr>
        </p:nvSpPr>
        <p:spPr>
          <a:xfrm>
            <a:off x="0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" name="Shape 8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ru.wikipedia.org/wiki/%D0%A1%D0%B2%D0%BE%D0%B1%D0%BE%D0%B4%D0%BD%D0%BE%D0%B5_%D0%BF%D1%80%D0%BE%D0%B3%D1%80%D0%B0%D0%BC%D0%BC%D0%BD%D0%BE%D0%B5_%D0%BE%D0%B1%D0%B5%D1%81%D0%BF%D0%B5%D1%87%D0%B5%D0%BD%D0%B8%D0%B5" TargetMode="External"/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Relationship Id="rId6" Type="http://schemas.openxmlformats.org/officeDocument/2006/relationships/hyperlink" Target="https://ru.wikipedia.org/wiki/Java" TargetMode="External"/><Relationship Id="rId5" Type="http://schemas.openxmlformats.org/officeDocument/2006/relationships/hyperlink" Target="https://ru.wikipedia.org/wiki/%D0%AF%D0%B7%D1%8B%D0%BA_%D0%BF%D1%80%D0%BE%D0%B3%D1%80%D0%B0%D0%BC%D0%BC%D0%B8%D1%80%D0%BE%D0%B2%D0%B0%D0%BD%D0%B8%D1%8F" TargetMode="External"/><Relationship Id="rId4" Type="http://schemas.openxmlformats.org/officeDocument/2006/relationships/hyperlink" Target="https://ru.wikipedia.org/wiki/%D0%98%D0%BD%D1%82%D0%B5%D0%B3%D1%80%D0%B8%D1%80%D0%BE%D0%B2%D0%B0%D0%BD%D0%BD%D0%B0%D1%8F_%D1%81%D1%80%D0%B5%D0%B4%D0%B0_%D1%80%D0%B0%D0%B7%D1%80%D0%B0%D0%B1%D0%BE%D1%82%D0%BA%D0%B8" TargetMode="Externa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Shape 8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86" name="Shape 86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1" name="Shape 151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2065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Диаграмма классов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Жизненный цикл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паттерны из автоматизации тестирования были использованы</a:t>
            </a:r>
            <a:endParaRPr sz="1100"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100"/>
          </a:p>
        </p:txBody>
      </p:sp>
      <p:sp>
        <p:nvSpPr>
          <p:cNvPr id="152" name="Shape 15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Shape 157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8" name="Shape 158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2" name="Shape 16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63" name="Shape 163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64" name="Shape 164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12</a:t>
            </a:fld>
            <a:endParaRPr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8" name="Shape 16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Проблема различия экранов и логики на iOS и Android </a:t>
            </a:r>
            <a:endParaRPr/>
          </a:p>
        </p:txBody>
      </p:sp>
      <p:sp>
        <p:nvSpPr>
          <p:cNvPr id="169" name="Shape 16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" name="Shape 17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76" name="Shape 176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1" name="Shape 181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82" name="Shape 18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Shape 94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14300" rtl="0">
              <a:lnSpc>
                <a:spcPct val="115000"/>
              </a:lnSpc>
              <a:spcBef>
                <a:spcPts val="20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 sz="1000">
                <a:solidFill>
                  <a:srgbClr val="434A54"/>
                </a:solidFill>
                <a:latin typeface="Arial"/>
                <a:ea typeface="Arial"/>
                <a:cs typeface="Arial"/>
                <a:sym typeface="Arial"/>
              </a:rPr>
              <a:t>Spring Online — это веб-сервис для организации полного цикла дистанционного обучения. </a:t>
            </a: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228600" lvl="0" indent="-11430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 sz="1000">
                <a:solidFill>
                  <a:srgbClr val="434A54"/>
                </a:solidFill>
                <a:latin typeface="Arial"/>
                <a:ea typeface="Arial"/>
                <a:cs typeface="Arial"/>
                <a:sym typeface="Arial"/>
              </a:rPr>
              <a:t>Сервис позволяет размещать в облаке курсы, тесты, аудио, видео и документы. Умеет рассылать приглашения и измерять эффективность обучения. Доступна интеграция с другими продуктами iSpring и многие другие опции</a:t>
            </a: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Мобильное приложение iSpring Learn предоставляет расширенные возможности для обучения онлайн: необходимый курс всегда под рукой; даже если нет подключения к интернету, курс можно загрузить на устройство и продолжить обучение в режиме офлайн; удобное планирование обучения с помощью календаря; установка уведомлений, чтобы не забывать изучать курс каждый день.</a:t>
            </a:r>
            <a:endParaRPr>
              <a:latin typeface="Times New Roman"/>
              <a:ea typeface="Times New Roman"/>
              <a:cs typeface="Times New Roman"/>
              <a:sym typeface="Times New Roman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Первая версия приложения на Android была выпущена 4 года назад, на iPad 5 лет назад, а на iPhone совсем недавно – в начале 2017 года. За это время, было разработано и выпущено 6 крупных фич. С каждой новой функцией проект растет и, соответственно, нуждается в более тщательном тестировании. Стоит отметить, что сейчас на проекте работает только один тестировщик, который отвечает за качество нескольких мобильных проектов, выпускаемых командой мобильной разработки. </a:t>
            </a:r>
            <a:endParaRPr sz="110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000"/>
          </a:p>
        </p:txBody>
      </p:sp>
      <p:sp>
        <p:nvSpPr>
          <p:cNvPr id="95" name="Shape 95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" name="Shape 100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По данным, собранным аналитическим агентством We Are Social, сегодня в мире около 68% людей имеют мобильный телефон, большинство из которых пользуются смартфонами. Статистика показывает, что за последний год использование мобильного интернета увеличилось на 4%, что в общей сумме составляет 52% от общего веб-трафика. Стоит заметить, что это больше чем со всех остальных типов устройств вместе взятых.</a:t>
            </a:r>
            <a:endParaRPr>
              <a:latin typeface="Times New Roman"/>
              <a:ea typeface="Times New Roman"/>
              <a:cs typeface="Times New Roman"/>
              <a:sym typeface="Times New Roman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Более того, согласно свежим данным компании App Annie, занимающейся исследованиями рынка мобильных приложений, сегодня люди проводят в мобильных приложениях в 7 раз больше времени, чем в мобильных версиях браузеров. </a:t>
            </a:r>
            <a:endParaRPr sz="1000"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000"/>
          </a:p>
        </p:txBody>
      </p:sp>
      <p:sp>
        <p:nvSpPr>
          <p:cNvPr id="101" name="Shape 101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" name="Shape 106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Итак, у нас было кроссплатформенное приложение iSpring Learn, один автоматизатор, небольшая ферма живых устройств.</a:t>
            </a:r>
            <a:endParaRPr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Было необходимо снизить нагрузку на ручного тестировщика,</a:t>
            </a:r>
            <a:endParaRPr/>
          </a:p>
        </p:txBody>
      </p:sp>
      <p:sp>
        <p:nvSpPr>
          <p:cNvPr id="107" name="Shape 107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" name="Shape 112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3" name="Shape 11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Shape 11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2065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существуют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подощли по требованиям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Сравнили оставшиеся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Окончательный выбор</a:t>
            </a:r>
            <a:endParaRPr sz="1100"/>
          </a:p>
        </p:txBody>
      </p:sp>
      <p:sp>
        <p:nvSpPr>
          <p:cNvPr id="119" name="Shape 11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" name="Shape 132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>
                <a:solidFill>
                  <a:srgbClr val="222222"/>
                </a:solidFill>
                <a:highlight>
                  <a:srgbClr val="FFFFFF"/>
                </a:highlight>
                <a:latin typeface="Arial"/>
                <a:ea typeface="Arial"/>
                <a:cs typeface="Arial"/>
                <a:sym typeface="Arial"/>
              </a:rPr>
              <a:t>Appium — это HTTP-сервер, написанный на Nodes, который создает и обрабатывает WebDriver-сессии. Appium придерживается того же подхода, что и Selenium WebDriver, который получает HTTP-запросы в формате JSON от клиентов и преобразует их в зависимости от платформы, на которой он работает.</a:t>
            </a: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>
                <a:solidFill>
                  <a:srgbClr val="222222"/>
                </a:solidFill>
                <a:highlight>
                  <a:srgbClr val="FFFFFF"/>
                </a:highlight>
                <a:latin typeface="Arial"/>
                <a:ea typeface="Arial"/>
                <a:cs typeface="Arial"/>
                <a:sym typeface="Arial"/>
              </a:rPr>
              <a:t>Чтобы запустить автотесты необходимо: запустить Appium сервер, эмулятор мобильного устройства и запустить скриптыю</a:t>
            </a: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33" name="Shape 13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" name="Shape 13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был выбран язык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, </a:t>
            </a:r>
            <a:r>
              <a:rPr lang="ru-RU" sz="1100" b="1" dirty="0">
                <a:latin typeface="Proxima Nova"/>
                <a:ea typeface="Proxima Nova"/>
                <a:cs typeface="Proxima Nova"/>
                <a:sym typeface="Proxima Nova"/>
              </a:rPr>
              <a:t>так как он активно используется в 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в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разработке мобильных приложений.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NetBeans</a:t>
            </a:r>
            <a:r>
              <a:rPr lang="ru-RU" sz="1100" b="1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IDE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—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3"/>
              </a:rPr>
              <a:t>свободная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4"/>
              </a:rPr>
              <a:t>интегрированная среда разработки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приложений на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5"/>
              </a:rPr>
              <a:t>языках программирования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 err="1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6"/>
              </a:rPr>
              <a:t>Java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и ряда других. Был выбран потому что: он бесплатный (в отличии </a:t>
            </a:r>
            <a:r>
              <a:rPr lang="ru-RU" sz="1100" dirty="0" err="1" smtClean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ntell</a:t>
            </a:r>
            <a:r>
              <a:rPr lang="en-US" sz="1100" dirty="0" err="1" smtClean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J</a:t>
            </a:r>
            <a:r>
              <a:rPr lang="ru-RU" sz="1100" dirty="0" smtClean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DE) и дает возможность создавать </a:t>
            </a: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Maven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проекты.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 smtClean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Xcode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для эмулятора </a:t>
            </a: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девайсов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UIAutomationViewer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использую для поиска элементов в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активити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приложения на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515151"/>
                </a:solidFill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– это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фреймворк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для тестирования, написанный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. Мы используем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для аннотаций и для реализации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data-driven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паттерна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ExtentReports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- для генерации отчета прогона тестов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sz="1050" dirty="0">
              <a:solidFill>
                <a:srgbClr val="222222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lvl="0" indent="0">
              <a:spcBef>
                <a:spcPts val="60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39" name="Shape 13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4" name="Shape 144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45" name="Shape 14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6" name="Shape 146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9</a:t>
            </a:fld>
            <a:endParaRPr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Shape 16"/>
          <p:cNvSpPr txBox="1"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17" name="Shape 17"/>
          <p:cNvSpPr txBox="1"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ctr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8" name="Shape 18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9" name="Shape 19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20" name="Shape 20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Vertical Text" type="vertTx">
  <p:cSld name="VERTICAL_TEXT">
    <p:spTree>
      <p:nvGrpSpPr>
        <p:cNvPr id="1" name="Shape 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" name="Shape 73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74" name="Shape 74"/>
          <p:cNvSpPr txBox="1">
            <a:spLocks noGrp="1"/>
          </p:cNvSpPr>
          <p:nvPr>
            <p:ph type="body" idx="1"/>
          </p:nvPr>
        </p:nvSpPr>
        <p:spPr>
          <a:xfrm rot="5400000">
            <a:off x="3920331" y="-1256506"/>
            <a:ext cx="4351338" cy="1051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5" name="Shape 75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6" name="Shape 76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77" name="Shape 77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Vertical Title and Text" type="vertTitleAndTx">
  <p:cSld name="VERTICAL_TITLE_AND_VERTICAL_TEXT">
    <p:spTree>
      <p:nvGrpSpPr>
        <p:cNvPr id="1" name="Shape 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Shape 79"/>
          <p:cNvSpPr txBox="1">
            <a:spLocks noGrp="1"/>
          </p:cNvSpPr>
          <p:nvPr>
            <p:ph type="title"/>
          </p:nvPr>
        </p:nvSpPr>
        <p:spPr>
          <a:xfrm rot="5400000">
            <a:off x="7133431" y="1956594"/>
            <a:ext cx="5811838" cy="262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80" name="Shape 80"/>
          <p:cNvSpPr txBox="1">
            <a:spLocks noGrp="1"/>
          </p:cNvSpPr>
          <p:nvPr>
            <p:ph type="body" idx="1"/>
          </p:nvPr>
        </p:nvSpPr>
        <p:spPr>
          <a:xfrm rot="5400000">
            <a:off x="1799431" y="-596106"/>
            <a:ext cx="5811838" cy="7734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1" name="Shape 8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2" name="Shape 82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83" name="Shape 83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Content" type="obj">
  <p:cSld name="OBJECT">
    <p:spTree>
      <p:nvGrpSpPr>
        <p:cNvPr id="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Shape 22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23" name="Shape 23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4" name="Shape 24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5" name="Shape 25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26" name="Shape 26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_HEADER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Shape 28"/>
          <p:cNvSpPr txBox="1"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29" name="Shape 29"/>
          <p:cNvSpPr txBox="1"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rgbClr val="888888"/>
              </a:buClr>
              <a:buSzPts val="2400"/>
              <a:buFont typeface="Arial"/>
              <a:buNone/>
              <a:defRPr sz="24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2000"/>
              <a:buFont typeface="Arial"/>
              <a:buNone/>
              <a:defRPr sz="20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800"/>
              <a:buFont typeface="Arial"/>
              <a:buNone/>
              <a:defRPr sz="1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0" name="Shape 30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1" name="Shape 31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32" name="Shape 32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ntent" type="twoObj">
  <p:cSld name="TWO_OBJECT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Shape 34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35" name="Shape 35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6" name="Shape 36"/>
          <p:cNvSpPr txBox="1">
            <a:spLocks noGrp="1"/>
          </p:cNvSpPr>
          <p:nvPr>
            <p:ph type="body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7" name="Shape 37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8" name="Shape 38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39" name="Shape 39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mparison" type="twoTxTwoObj">
  <p:cSld name="TWO_OBJECTS_WITH_TEXT">
    <p:spTree>
      <p:nvGrpSpPr>
        <p:cNvPr id="1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Shape 41"/>
          <p:cNvSpPr txBox="1"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42" name="Shape 42"/>
          <p:cNvSpPr txBox="1"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3" name="Shape 43"/>
          <p:cNvSpPr txBox="1">
            <a:spLocks noGrp="1"/>
          </p:cNvSpPr>
          <p:nvPr>
            <p:ph type="body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4" name="Shape 44"/>
          <p:cNvSpPr txBox="1">
            <a:spLocks noGrp="1"/>
          </p:cNvSpPr>
          <p:nvPr>
            <p:ph type="body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5" name="Shape 45"/>
          <p:cNvSpPr txBox="1">
            <a:spLocks noGrp="1"/>
          </p:cNvSpPr>
          <p:nvPr>
            <p:ph type="body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6" name="Shape 46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7" name="Shape 47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48" name="Shape 48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Shape 50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51" name="Shape 5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2" name="Shape 52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53" name="Shape 53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Shape 55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6" name="Shape 56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57" name="Shape 57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ntent with Caption" type="objTx">
  <p:cSld name="OBJECT_WITH_CAPTION_TEXT"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Shape 59"/>
          <p:cNvSpPr txBox="1"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60" name="Shape 60"/>
          <p:cNvSpPr txBox="1">
            <a:spLocks noGrp="1"/>
          </p:cNvSpPr>
          <p:nvPr>
            <p:ph type="body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318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Arial"/>
              <a:buChar char="•"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4064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1" name="Shape 61"/>
          <p:cNvSpPr txBox="1">
            <a:spLocks noGrp="1"/>
          </p:cNvSpPr>
          <p:nvPr>
            <p:ph type="body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Arial"/>
              <a:buNone/>
              <a:defRPr sz="1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2" name="Shape 62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3" name="Shape 63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64" name="Shape 64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Picture with Caption" type="picTx">
  <p:cSld name="PICTURE_WITH_CAPTION_TEXT">
    <p:spTree>
      <p:nvGrpSpPr>
        <p:cNvPr id="1" name="Shape 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Shape 66"/>
          <p:cNvSpPr txBox="1"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67" name="Shape 67"/>
          <p:cNvSpPr>
            <a:spLocks noGrp="1"/>
          </p:cNvSpPr>
          <p:nvPr>
            <p:ph type="pic" idx="2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Arial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8" name="Shape 68"/>
          <p:cNvSpPr txBox="1">
            <a:spLocks noGrp="1"/>
          </p:cNvSpPr>
          <p:nvPr>
            <p:ph type="body" idx="1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Arial"/>
              <a:buNone/>
              <a:defRPr sz="1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9" name="Shape 69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0" name="Shape 70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71" name="Shape 71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 10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11" name="Shape 1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2" name="Shape 12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3" name="Shape 13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 smtClean="0"/>
              <a:t>Йошкар-Ола, 2018 г.</a:t>
            </a:r>
            <a:endParaRPr/>
          </a:p>
        </p:txBody>
      </p:sp>
      <p:sp>
        <p:nvSpPr>
          <p:cNvPr id="14" name="Shape 14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video" Target="../media/media1.mov"/><Relationship Id="rId1" Type="http://schemas.microsoft.com/office/2007/relationships/media" Target="../media/media1.mov"/><Relationship Id="rId6" Type="http://schemas.openxmlformats.org/officeDocument/2006/relationships/comments" Target="../comments/comment4.xml"/><Relationship Id="rId5" Type="http://schemas.openxmlformats.org/officeDocument/2006/relationships/image" Target="../media/image10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5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comments" Target="../comments/comment1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comments" Target="../comments/comment3.xm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Shape 88"/>
          <p:cNvSpPr txBox="1">
            <a:spLocks noGrp="1"/>
          </p:cNvSpPr>
          <p:nvPr>
            <p:ph type="ctrTitle"/>
          </p:nvPr>
        </p:nvSpPr>
        <p:spPr>
          <a:xfrm>
            <a:off x="803364" y="1430555"/>
            <a:ext cx="7780022" cy="215509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600"/>
              <a:buFont typeface="Arial"/>
              <a:buNone/>
            </a:pPr>
            <a:r>
              <a:rPr lang="ru-RU" sz="3600" i="0" u="none" strike="noStrike" cap="none">
                <a:solidFill>
                  <a:schemeClr val="dk1"/>
                </a:solidFill>
                <a:latin typeface="Proxima Nova Semibold"/>
                <a:ea typeface="Proxima Nova Semibold"/>
                <a:cs typeface="Proxima Nova Semibold"/>
                <a:sym typeface="Proxima Nova Semibold"/>
              </a:rPr>
              <a:t>Автоматизация регрессионного тестирования мобильного приложения iSpring Learn с помощью Appium</a:t>
            </a:r>
            <a:endParaRPr sz="3600" i="0" u="none" strike="noStrike" cap="none">
              <a:solidFill>
                <a:schemeClr val="dk1"/>
              </a:solidFill>
              <a:latin typeface="Proxima Nova Semibold"/>
              <a:ea typeface="Proxima Nova Semibold"/>
              <a:cs typeface="Proxima Nova Semibold"/>
              <a:sym typeface="Proxima Nova Semibold"/>
            </a:endParaRPr>
          </a:p>
        </p:txBody>
      </p:sp>
      <p:pic>
        <p:nvPicPr>
          <p:cNvPr id="89" name="Shape 89"/>
          <p:cNvPicPr preferRelativeResize="0"/>
          <p:nvPr/>
        </p:nvPicPr>
        <p:blipFill rotWithShape="1">
          <a:blip r:embed="rId3">
            <a:alphaModFix/>
          </a:blip>
          <a:srcRect r="16865"/>
          <a:stretch/>
        </p:blipFill>
        <p:spPr>
          <a:xfrm>
            <a:off x="9013371" y="2631739"/>
            <a:ext cx="3178629" cy="422626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Shape 90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803364" y="865951"/>
            <a:ext cx="1446350" cy="365115"/>
          </a:xfrm>
          <a:prstGeom prst="rect">
            <a:avLst/>
          </a:prstGeom>
          <a:noFill/>
          <a:ln>
            <a:noFill/>
          </a:ln>
        </p:spPr>
      </p:pic>
      <p:sp>
        <p:nvSpPr>
          <p:cNvPr id="91" name="Shape 91"/>
          <p:cNvSpPr txBox="1">
            <a:spLocks noGrp="1"/>
          </p:cNvSpPr>
          <p:nvPr>
            <p:ph type="subTitle" idx="1"/>
          </p:nvPr>
        </p:nvSpPr>
        <p:spPr>
          <a:xfrm>
            <a:off x="803364" y="4569316"/>
            <a:ext cx="7707590" cy="85812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Выполнил студент</a:t>
            </a:r>
            <a:r>
              <a:rPr lang="ru-RU" sz="2400" i="0" u="none" strike="noStrike" cap="none" dirty="0" smtClean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 группы ПС-41 </a:t>
            </a:r>
            <a:r>
              <a:rPr lang="ru-RU" sz="2400" i="0" u="none" strike="noStrike" cap="none" dirty="0" err="1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Царегородцева</a:t>
            </a:r>
            <a:r>
              <a:rPr lang="ru-RU" sz="2400" i="0" u="none" strike="noStrike" cap="none" dirty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 Е.А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sz="2400" i="0" u="none" strike="noStrike" cap="none" dirty="0" smtClean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Руководитель от кафедры: </a:t>
            </a:r>
            <a:r>
              <a:rPr lang="ru-RU" sz="2400" i="0" u="none" strike="noStrike" cap="none" dirty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Шумков Д.С</a:t>
            </a:r>
            <a:r>
              <a:rPr lang="ru-RU" sz="2400" i="0" u="none" strike="noStrike" cap="none" dirty="0" smtClean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.</a:t>
            </a:r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Руководитель от предприятия: Ильин А.А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Shape 154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Архитектура приложения</a:t>
            </a:r>
            <a:endParaRPr/>
          </a:p>
        </p:txBody>
      </p:sp>
      <p:sp>
        <p:nvSpPr>
          <p:cNvPr id="155" name="Shape 155"/>
          <p:cNvSpPr/>
          <p:nvPr/>
        </p:nvSpPr>
        <p:spPr>
          <a:xfrm>
            <a:off x="1070975" y="1991650"/>
            <a:ext cx="9995700" cy="3870600"/>
          </a:xfrm>
          <a:prstGeom prst="rect">
            <a:avLst/>
          </a:prstGeom>
          <a:solidFill>
            <a:schemeClr val="lt2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3600"/>
              <a:t>будет чуть позже</a:t>
            </a:r>
            <a:endParaRPr sz="3600"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0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1</a:t>
            </a:fld>
            <a:endParaRPr lang="ru-RU"/>
          </a:p>
        </p:txBody>
      </p:sp>
      <p:pic>
        <p:nvPicPr>
          <p:cNvPr id="3" name="normal screencast android">
            <a:hlinkClick r:id="" action="ppaction://media"/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4403725" y="0"/>
            <a:ext cx="3384550" cy="68580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6" name="Shape 16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14028" y="45225"/>
            <a:ext cx="10963941" cy="6767550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2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1" name="Shape 17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Анализ/выводы</a:t>
            </a:r>
            <a:endParaRPr/>
          </a:p>
        </p:txBody>
      </p:sp>
      <p:sp>
        <p:nvSpPr>
          <p:cNvPr id="172" name="Shape 172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r>
              <a:rPr lang="ru-RU"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Все + и -, которые встретились на пути</a:t>
            </a:r>
            <a:endParaRPr/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r>
              <a:rPr lang="ru-RU"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Достигнуты ли цели и задачи, поставленные в начале</a:t>
            </a:r>
            <a:endParaRPr/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sz="28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3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Shape 1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8" name="Shape 178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 smtClean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Перспектива развития</a:t>
            </a:r>
            <a:endParaRPr dirty="0"/>
          </a:p>
        </p:txBody>
      </p:sp>
      <p:sp>
        <p:nvSpPr>
          <p:cNvPr id="179" name="Shape 179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Параллельный запуск тестов 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на разных эмуляторах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Возможный переход на более подробные </a:t>
            </a: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отчеты: </a:t>
            </a: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Allure</a:t>
            </a: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Report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Свести к нулю участие человека в запуске тестов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4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" name="Shape 184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623074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Спасибо з</a:t>
            </a:r>
            <a:r>
              <a:rPr lang="ru-RU" dirty="0"/>
              <a:t>а внимание!</a:t>
            </a:r>
            <a:endParaRPr dirty="0"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5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Shape 97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003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/>
              <a:t>iSpring Learn Mobile App</a:t>
            </a:r>
            <a:endParaRPr/>
          </a:p>
        </p:txBody>
      </p:sp>
      <p:pic>
        <p:nvPicPr>
          <p:cNvPr id="98" name="Shape 9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2626737" y="1368925"/>
            <a:ext cx="6938525" cy="5201201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2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" name="Shape 103"/>
          <p:cNvSpPr txBox="1">
            <a:spLocks noGrp="1"/>
          </p:cNvSpPr>
          <p:nvPr>
            <p:ph type="title"/>
          </p:nvPr>
        </p:nvSpPr>
        <p:spPr>
          <a:xfrm>
            <a:off x="838200" y="320675"/>
            <a:ext cx="10515600" cy="1069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000"/>
              <a:t>Спрос на мобильные приложения растет</a:t>
            </a:r>
            <a:endParaRPr sz="4000"/>
          </a:p>
        </p:txBody>
      </p:sp>
      <p:pic>
        <p:nvPicPr>
          <p:cNvPr id="104" name="Shape 104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747400" y="1523500"/>
            <a:ext cx="8850600" cy="4978476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3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Shape 1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" name="Shape 109"/>
          <p:cNvSpPr txBox="1">
            <a:spLocks noGrp="1"/>
          </p:cNvSpPr>
          <p:nvPr>
            <p:ph type="title"/>
          </p:nvPr>
        </p:nvSpPr>
        <p:spPr>
          <a:xfrm>
            <a:off x="838200" y="233600"/>
            <a:ext cx="10515600" cy="104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Постановка задачи</a:t>
            </a:r>
            <a:endParaRPr dirty="0"/>
          </a:p>
        </p:txBody>
      </p:sp>
      <p:sp>
        <p:nvSpPr>
          <p:cNvPr id="110" name="Shape 110"/>
          <p:cNvSpPr txBox="1">
            <a:spLocks noGrp="1"/>
          </p:cNvSpPr>
          <p:nvPr>
            <p:ph type="body" idx="1"/>
          </p:nvPr>
        </p:nvSpPr>
        <p:spPr>
          <a:xfrm>
            <a:off x="838200" y="1487425"/>
            <a:ext cx="10515600" cy="4351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Снизить затраты ручного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тестировщика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на выполнение регрессионного тестирования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Дано: 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кроссплатформенное мобильное приложение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Spring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Learn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тестировщик</a:t>
            </a: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без опыта программирования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один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автоматизатор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небольшое хранилище живых устройст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Mac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, чтобы автоматизировать платформы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и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4</a:t>
            </a:fld>
            <a:endParaRPr lang="ru-RU"/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Shape 115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1186700" cy="1325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lvl="0" algn="ctr"/>
            <a:r>
              <a:rPr lang="ru-RU" dirty="0"/>
              <a:t>Постановка задачи</a:t>
            </a:r>
            <a:endParaRPr dirty="0"/>
          </a:p>
        </p:txBody>
      </p:sp>
      <p:sp>
        <p:nvSpPr>
          <p:cNvPr id="116" name="Shape 116"/>
          <p:cNvSpPr txBox="1">
            <a:spLocks noGrp="1"/>
          </p:cNvSpPr>
          <p:nvPr>
            <p:ph type="body" idx="1"/>
          </p:nvPr>
        </p:nvSpPr>
        <p:spPr>
          <a:xfrm>
            <a:off x="738900" y="1964800"/>
            <a:ext cx="10515600" cy="4185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поддержка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и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единый язык </a:t>
            </a: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разработки тесто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генерация информативных и удобных </a:t>
            </a: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отчето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бесплатное решение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UI приложение для мониторинга устройств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5080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5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Shape 12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/>
              <a:t>Выбор и</a:t>
            </a:r>
            <a:r>
              <a:rPr lang="ru-RU"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нструмент</a:t>
            </a:r>
            <a:r>
              <a:rPr lang="ru-RU"/>
              <a:t>а</a:t>
            </a:r>
            <a:endParaRPr/>
          </a:p>
        </p:txBody>
      </p:sp>
      <p:pic>
        <p:nvPicPr>
          <p:cNvPr id="122" name="Shape 122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933746" y="3600890"/>
            <a:ext cx="1020406" cy="10042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23" name="Shape 12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16870" y="4563050"/>
            <a:ext cx="2187430" cy="19937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24" name="Shape 12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933750" y="1780561"/>
            <a:ext cx="1353672" cy="1325589"/>
          </a:xfrm>
          <a:prstGeom prst="rect">
            <a:avLst/>
          </a:prstGeom>
          <a:noFill/>
          <a:ln>
            <a:noFill/>
          </a:ln>
        </p:spPr>
      </p:pic>
      <p:pic>
        <p:nvPicPr>
          <p:cNvPr id="125" name="Shape 125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226864" y="3106139"/>
            <a:ext cx="1353672" cy="1223266"/>
          </a:xfrm>
          <a:prstGeom prst="rect">
            <a:avLst/>
          </a:prstGeom>
          <a:noFill/>
          <a:ln>
            <a:noFill/>
          </a:ln>
        </p:spPr>
      </p:pic>
      <p:pic>
        <p:nvPicPr>
          <p:cNvPr id="126" name="Shape 12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201984" y="2690592"/>
            <a:ext cx="1020406" cy="1004260"/>
          </a:xfrm>
          <a:prstGeom prst="rect">
            <a:avLst/>
          </a:prstGeom>
          <a:noFill/>
          <a:ln>
            <a:noFill/>
          </a:ln>
        </p:spPr>
      </p:pic>
      <p:pic>
        <p:nvPicPr>
          <p:cNvPr id="127" name="Shape 12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618464" y="3361124"/>
            <a:ext cx="2187430" cy="19937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28" name="Shape 12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0333396" y="2926867"/>
            <a:ext cx="1020406" cy="1004260"/>
          </a:xfrm>
          <a:prstGeom prst="rect">
            <a:avLst/>
          </a:prstGeom>
          <a:noFill/>
          <a:ln>
            <a:noFill/>
          </a:ln>
        </p:spPr>
      </p:pic>
      <p:sp>
        <p:nvSpPr>
          <p:cNvPr id="129" name="Shape 129"/>
          <p:cNvSpPr/>
          <p:nvPr/>
        </p:nvSpPr>
        <p:spPr>
          <a:xfrm>
            <a:off x="4002225" y="3073350"/>
            <a:ext cx="1288500" cy="724800"/>
          </a:xfrm>
          <a:prstGeom prst="rightArrow">
            <a:avLst>
              <a:gd name="adj1" fmla="val 50000"/>
              <a:gd name="adj2" fmla="val 71667"/>
            </a:avLst>
          </a:prstGeom>
          <a:solidFill>
            <a:srgbClr val="3D85C6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0" name="Shape 130"/>
          <p:cNvSpPr/>
          <p:nvPr/>
        </p:nvSpPr>
        <p:spPr>
          <a:xfrm>
            <a:off x="8133650" y="3073350"/>
            <a:ext cx="1288500" cy="724800"/>
          </a:xfrm>
          <a:prstGeom prst="rightArrow">
            <a:avLst>
              <a:gd name="adj1" fmla="val 50000"/>
              <a:gd name="adj2" fmla="val 71667"/>
            </a:avLst>
          </a:prstGeom>
          <a:solidFill>
            <a:srgbClr val="3D85C6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6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5" name="Shape 135"/>
          <p:cNvSpPr txBox="1">
            <a:spLocks noGrp="1"/>
          </p:cNvSpPr>
          <p:nvPr>
            <p:ph type="title"/>
          </p:nvPr>
        </p:nvSpPr>
        <p:spPr>
          <a:xfrm>
            <a:off x="1037925" y="302150"/>
            <a:ext cx="10515600" cy="1154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dirty="0" smtClean="0">
                <a:latin typeface="Proxima Nova"/>
                <a:ea typeface="Proxima Nova"/>
                <a:cs typeface="Proxima Nova"/>
                <a:sym typeface="Proxima Nova"/>
              </a:rPr>
              <a:t>Описание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pic>
        <p:nvPicPr>
          <p:cNvPr id="136" name="Shape 13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802825" y="1997850"/>
            <a:ext cx="8801100" cy="3829050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7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1" name="Shape 14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062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 smtClean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Инструменты разработки</a:t>
            </a:r>
            <a:endParaRPr dirty="0"/>
          </a:p>
        </p:txBody>
      </p:sp>
      <p:sp>
        <p:nvSpPr>
          <p:cNvPr id="142" name="Shape 142"/>
          <p:cNvSpPr txBox="1">
            <a:spLocks noGrp="1"/>
          </p:cNvSpPr>
          <p:nvPr>
            <p:ph type="body" idx="1"/>
          </p:nvPr>
        </p:nvSpPr>
        <p:spPr>
          <a:xfrm>
            <a:off x="838200" y="1428025"/>
            <a:ext cx="10515600" cy="4749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NetBeans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IDE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/ </a:t>
            </a: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UI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XCode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UIAutomationViewer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ExtentReports</a:t>
            </a:r>
            <a:endParaRPr sz="3000" i="0" u="none" strike="noStrike" cap="none" dirty="0">
              <a:solidFill>
                <a:schemeClr val="dk1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50800" algn="l" rtl="0">
              <a:lnSpc>
                <a:spcPct val="15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sz="2800" b="0" i="0" u="none" strike="noStrike" cap="none" dirty="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8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8" name="Shape 148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700"/>
          </a:xfrm>
          <a:prstGeom prst="rect">
            <a:avLst/>
          </a:prstGeom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Использованные паттерны</a:t>
            </a:r>
            <a:endParaRPr/>
          </a:p>
        </p:txBody>
      </p:sp>
      <p:sp>
        <p:nvSpPr>
          <p:cNvPr id="149" name="Shape 149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2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457200" lvl="0" indent="-406400" rtl="0">
              <a:lnSpc>
                <a:spcPct val="150000"/>
              </a:lnSpc>
              <a:spcBef>
                <a:spcPts val="100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Page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Object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Data-driven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testing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Factory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 smtClean="0">
                <a:latin typeface="Proxima Nova"/>
                <a:ea typeface="Proxima Nova"/>
                <a:cs typeface="Proxima Nova"/>
                <a:sym typeface="Proxima Nova"/>
              </a:rPr>
              <a:t>Strategy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9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9</TotalTime>
  <Words>696</Words>
  <Application>Microsoft Office PowerPoint</Application>
  <PresentationFormat>Widescreen</PresentationFormat>
  <Paragraphs>90</Paragraphs>
  <Slides>15</Slides>
  <Notes>15</Notes>
  <HiddenSlides>1</HiddenSlides>
  <MMClips>1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1" baseType="lpstr">
      <vt:lpstr>Calibri</vt:lpstr>
      <vt:lpstr>Proxima Nova Semibold</vt:lpstr>
      <vt:lpstr>Arial</vt:lpstr>
      <vt:lpstr>Times New Roman</vt:lpstr>
      <vt:lpstr>Proxima Nova</vt:lpstr>
      <vt:lpstr>Office Theme</vt:lpstr>
      <vt:lpstr>Автоматизация регрессионного тестирования мобильного приложения iSpring Learn с помощью Appium</vt:lpstr>
      <vt:lpstr>iSpring Learn Mobile App</vt:lpstr>
      <vt:lpstr>Спрос на мобильные приложения растет</vt:lpstr>
      <vt:lpstr>Постановка задачи</vt:lpstr>
      <vt:lpstr>Постановка задачи</vt:lpstr>
      <vt:lpstr>Выбор инструмента</vt:lpstr>
      <vt:lpstr>Описание Appium</vt:lpstr>
      <vt:lpstr>Инструменты разработки</vt:lpstr>
      <vt:lpstr>Использованные паттерны</vt:lpstr>
      <vt:lpstr>Архитектура приложения</vt:lpstr>
      <vt:lpstr>PowerPoint Presentation</vt:lpstr>
      <vt:lpstr>PowerPoint Presentation</vt:lpstr>
      <vt:lpstr>Анализ/выводы</vt:lpstr>
      <vt:lpstr>Перспектива развития</vt:lpstr>
      <vt:lpstr>Спасибо за внимание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Автоматизация регрессионного тестирования мобильного приложения iSpring Learn с помощью Appium</dc:title>
  <cp:lastModifiedBy>Oleg Anikin</cp:lastModifiedBy>
  <cp:revision>3</cp:revision>
  <dcterms:modified xsi:type="dcterms:W3CDTF">2018-06-11T09:29:20Z</dcterms:modified>
</cp:coreProperties>
</file>